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3-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3-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orgerodoor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a:extLst>
              <a:ext uri="{FF2B5EF4-FFF2-40B4-BE49-F238E27FC236}">
                <a16:creationId xmlns:a16="http://schemas.microsoft.com/office/drawing/2014/main" id="{1F339456-E918-72F8-BAC8-AC23E56E535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90392" y="4873201"/>
            <a:ext cx="1962521" cy="155431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a:extLst>
              <a:ext uri="{FF2B5EF4-FFF2-40B4-BE49-F238E27FC236}">
                <a16:creationId xmlns:a16="http://schemas.microsoft.com/office/drawing/2014/main" id="{6794B117-25F0-EEF9-25A3-75468C5DAF5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36689" y="4149078"/>
            <a:ext cx="1512629" cy="119800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6-03T09:57:54Z</dcterms:modified>
</cp:coreProperties>
</file>